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DieseArbeitsmappe" defaultThemeVersion="164011"/>
  <mc:AlternateContent xmlns:mc="http://schemas.openxmlformats.org/markup-compatibility/2006">
    <mc:Choice Requires="x15">
      <x15ac:absPath xmlns:x15ac="http://schemas.microsoft.com/office/spreadsheetml/2010/11/ac" url="C:\Users\s0235320\Desktop\"/>
    </mc:Choice>
  </mc:AlternateContent>
  <bookViews>
    <workbookView xWindow="0" yWindow="0" windowWidth="21570" windowHeight="7305"/>
  </bookViews>
  <sheets>
    <sheet name="Tabelle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0" uniqueCount="44">
  <si>
    <t>ANF1</t>
  </si>
  <si>
    <t>ANF2</t>
  </si>
  <si>
    <t>ANF3</t>
  </si>
  <si>
    <t>ANF4</t>
  </si>
  <si>
    <t>ANF5</t>
  </si>
  <si>
    <t>ANF6</t>
  </si>
  <si>
    <t>ANF8</t>
  </si>
  <si>
    <t>ANF9</t>
  </si>
  <si>
    <t>ANF10</t>
  </si>
  <si>
    <t>ANF11</t>
  </si>
  <si>
    <t>ANF12</t>
  </si>
  <si>
    <t>ANF13</t>
  </si>
  <si>
    <t>Spalte 1</t>
  </si>
  <si>
    <t>Spalte 2</t>
  </si>
  <si>
    <t>Spalte 3</t>
  </si>
  <si>
    <t>Spalte 4</t>
  </si>
  <si>
    <t>Spalte 5</t>
  </si>
  <si>
    <t>Zeile 1</t>
  </si>
  <si>
    <t>Zeile 2</t>
  </si>
  <si>
    <t>Zeile 3</t>
  </si>
  <si>
    <t>Ergebnis</t>
  </si>
  <si>
    <t>ANF1
ANF6
ANF11</t>
  </si>
  <si>
    <t>ANF2
ANF12</t>
  </si>
  <si>
    <t>ANF8
ANF13</t>
  </si>
  <si>
    <t>ANF4
ANF9</t>
  </si>
  <si>
    <t>ANF5
ANF10</t>
  </si>
  <si>
    <t>ANF1
ANF2
ANF4
ANF5</t>
  </si>
  <si>
    <t>ANF6
ANF8
ANF9
ANF10</t>
  </si>
  <si>
    <t>ANF11
ANF12
ANF13</t>
  </si>
  <si>
    <t>THEMA 1</t>
  </si>
  <si>
    <t>THEMA 2</t>
  </si>
  <si>
    <t>THEMA 3</t>
  </si>
  <si>
    <t>THEMA 4</t>
  </si>
  <si>
    <t>THEMA 5</t>
  </si>
  <si>
    <t>x</t>
  </si>
  <si>
    <t>ANF1
ANF2
ANF3</t>
  </si>
  <si>
    <t>FALL (A)</t>
  </si>
  <si>
    <t>FALL (B)</t>
  </si>
  <si>
    <t>ANF1
ANF2</t>
  </si>
  <si>
    <t>ANF2
ANF3</t>
  </si>
  <si>
    <t>ANF1
ANF3</t>
  </si>
  <si>
    <t>THEMA 1
THEMA 2
THEMA 4
THEMA 5</t>
  </si>
  <si>
    <t>THEMA 1
THEMA 3
THEMA 4
THEMA 5</t>
  </si>
  <si>
    <t>THEMA 1
THEMA 2
THEMA 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theme="9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0" fillId="0" borderId="0" xfId="0" applyAlignment="1">
      <alignment vertical="center"/>
    </xf>
    <xf numFmtId="0" fontId="0" fillId="0" borderId="1" xfId="0" applyBorder="1" applyAlignment="1">
      <alignment vertical="center"/>
    </xf>
    <xf numFmtId="0" fontId="0" fillId="2" borderId="1" xfId="0" applyFill="1" applyBorder="1" applyAlignment="1">
      <alignment vertical="center" wrapText="1"/>
    </xf>
    <xf numFmtId="0" fontId="0" fillId="3" borderId="1" xfId="0" applyFill="1" applyBorder="1" applyAlignment="1">
      <alignment vertical="center"/>
    </xf>
    <xf numFmtId="0" fontId="0" fillId="4" borderId="1" xfId="0" applyFill="1" applyBorder="1" applyAlignment="1">
      <alignment vertical="center" wrapText="1"/>
    </xf>
    <xf numFmtId="0" fontId="0" fillId="0" borderId="1" xfId="0" applyBorder="1" applyAlignment="1">
      <alignment horizontal="center" vertical="center"/>
    </xf>
  </cellXfs>
  <cellStyles count="1">
    <cellStyle name="Standard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Tabelle1"/>
  <dimension ref="A1:O6"/>
  <sheetViews>
    <sheetView tabSelected="1" workbookViewId="0">
      <selection activeCell="P6" sqref="P6"/>
    </sheetView>
  </sheetViews>
  <sheetFormatPr baseColWidth="10" defaultRowHeight="15" x14ac:dyDescent="0.25"/>
  <cols>
    <col min="1" max="1" width="11.42578125" style="1"/>
    <col min="2" max="6" width="12" style="1" customWidth="1"/>
    <col min="7" max="16384" width="11.42578125" style="1"/>
  </cols>
  <sheetData>
    <row r="1" spans="1:15" x14ac:dyDescent="0.25">
      <c r="A1" s="1" t="s">
        <v>36</v>
      </c>
      <c r="I1" s="1" t="s">
        <v>37</v>
      </c>
    </row>
    <row r="2" spans="1:15" x14ac:dyDescent="0.25">
      <c r="A2" s="4"/>
      <c r="B2" s="4" t="s">
        <v>12</v>
      </c>
      <c r="C2" s="4" t="s">
        <v>13</v>
      </c>
      <c r="D2" s="4" t="s">
        <v>14</v>
      </c>
      <c r="E2" s="4" t="s">
        <v>15</v>
      </c>
      <c r="F2" s="4" t="s">
        <v>16</v>
      </c>
      <c r="G2" s="4" t="s">
        <v>20</v>
      </c>
      <c r="I2" s="4"/>
      <c r="J2" s="4" t="s">
        <v>29</v>
      </c>
      <c r="K2" s="4" t="s">
        <v>30</v>
      </c>
      <c r="L2" s="4" t="s">
        <v>31</v>
      </c>
      <c r="M2" s="4" t="s">
        <v>32</v>
      </c>
      <c r="N2" s="4" t="s">
        <v>33</v>
      </c>
      <c r="O2" s="4" t="s">
        <v>20</v>
      </c>
    </row>
    <row r="3" spans="1:15" ht="60" x14ac:dyDescent="0.25">
      <c r="A3" s="4" t="s">
        <v>17</v>
      </c>
      <c r="B3" s="2" t="s">
        <v>0</v>
      </c>
      <c r="C3" s="2" t="s">
        <v>1</v>
      </c>
      <c r="D3" s="2"/>
      <c r="E3" s="2" t="s">
        <v>3</v>
      </c>
      <c r="F3" s="2" t="s">
        <v>4</v>
      </c>
      <c r="G3" s="3" t="s">
        <v>26</v>
      </c>
      <c r="I3" s="4" t="s">
        <v>0</v>
      </c>
      <c r="J3" s="6" t="s">
        <v>34</v>
      </c>
      <c r="K3" s="6" t="s">
        <v>34</v>
      </c>
      <c r="L3" s="6"/>
      <c r="M3" s="6" t="s">
        <v>34</v>
      </c>
      <c r="N3" s="6" t="s">
        <v>34</v>
      </c>
      <c r="O3" s="3" t="s">
        <v>41</v>
      </c>
    </row>
    <row r="4" spans="1:15" ht="60" x14ac:dyDescent="0.25">
      <c r="A4" s="4" t="s">
        <v>18</v>
      </c>
      <c r="B4" s="2" t="s">
        <v>5</v>
      </c>
      <c r="C4" s="2"/>
      <c r="D4" s="2" t="s">
        <v>6</v>
      </c>
      <c r="E4" s="2" t="s">
        <v>7</v>
      </c>
      <c r="F4" s="2" t="s">
        <v>8</v>
      </c>
      <c r="G4" s="3" t="s">
        <v>27</v>
      </c>
      <c r="I4" s="4" t="s">
        <v>1</v>
      </c>
      <c r="J4" s="6" t="s">
        <v>34</v>
      </c>
      <c r="K4" s="6"/>
      <c r="L4" s="6" t="s">
        <v>34</v>
      </c>
      <c r="M4" s="6" t="s">
        <v>34</v>
      </c>
      <c r="N4" s="6" t="s">
        <v>34</v>
      </c>
      <c r="O4" s="3" t="s">
        <v>42</v>
      </c>
    </row>
    <row r="5" spans="1:15" ht="45" x14ac:dyDescent="0.25">
      <c r="A5" s="4" t="s">
        <v>19</v>
      </c>
      <c r="B5" s="2" t="s">
        <v>9</v>
      </c>
      <c r="C5" s="2" t="s">
        <v>10</v>
      </c>
      <c r="D5" s="2" t="s">
        <v>11</v>
      </c>
      <c r="E5" s="2"/>
      <c r="F5" s="2"/>
      <c r="G5" s="3" t="s">
        <v>28</v>
      </c>
      <c r="I5" s="4" t="s">
        <v>2</v>
      </c>
      <c r="J5" s="6" t="s">
        <v>34</v>
      </c>
      <c r="K5" s="6" t="s">
        <v>34</v>
      </c>
      <c r="L5" s="6" t="s">
        <v>34</v>
      </c>
      <c r="M5" s="6"/>
      <c r="N5" s="6"/>
      <c r="O5" s="3" t="s">
        <v>43</v>
      </c>
    </row>
    <row r="6" spans="1:15" ht="45" x14ac:dyDescent="0.25">
      <c r="A6" s="4" t="s">
        <v>20</v>
      </c>
      <c r="B6" s="5" t="s">
        <v>21</v>
      </c>
      <c r="C6" s="5" t="s">
        <v>22</v>
      </c>
      <c r="D6" s="5" t="s">
        <v>23</v>
      </c>
      <c r="E6" s="5" t="s">
        <v>24</v>
      </c>
      <c r="F6" s="5" t="s">
        <v>25</v>
      </c>
      <c r="G6" s="2"/>
      <c r="I6" s="4" t="s">
        <v>20</v>
      </c>
      <c r="J6" s="5" t="s">
        <v>35</v>
      </c>
      <c r="K6" s="5" t="s">
        <v>40</v>
      </c>
      <c r="L6" s="5" t="s">
        <v>39</v>
      </c>
      <c r="M6" s="5" t="s">
        <v>38</v>
      </c>
      <c r="N6" s="5" t="s">
        <v>38</v>
      </c>
      <c r="O6" s="2"/>
    </row>
  </sheetData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Tabelle1</vt:lpstr>
    </vt:vector>
  </TitlesOfParts>
  <Company>Sana IT Services GmbH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uck, Paul</dc:creator>
  <cp:lastModifiedBy>Buck, Paul</cp:lastModifiedBy>
  <dcterms:created xsi:type="dcterms:W3CDTF">2024-12-20T13:14:19Z</dcterms:created>
  <dcterms:modified xsi:type="dcterms:W3CDTF">2024-12-20T13:25:36Z</dcterms:modified>
</cp:coreProperties>
</file>